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20219月　ファイル変換（国籍調査HP他）\経済センサス\経済センサス‐活動調査\平成28年経済センサスー活動調査結果〈産業横断的集計〉\"/>
    </mc:Choice>
  </mc:AlternateContent>
  <bookViews>
    <workbookView xWindow="0" yWindow="0" windowWidth="20490" windowHeight="7680"/>
  </bookViews>
  <sheets>
    <sheet name="第13表" sheetId="2" r:id="rId1"/>
  </sheets>
  <definedNames>
    <definedName name="_xlnm._FilterDatabase" localSheetId="0" hidden="1">第13表!$A$3:$I$98</definedName>
    <definedName name="_xlnm.Print_Area" localSheetId="0">第13表!$A$2:$H$100</definedName>
    <definedName name="_xlnm.Print_Titles" localSheetId="0">第13表!$2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1" uniqueCount="50">
  <si>
    <t>（注2）海外を含む。</t>
    <rPh sb="0" eb="4">
      <t>チ</t>
    </rPh>
    <rPh sb="4" eb="6">
      <t>カイガイ</t>
    </rPh>
    <rPh sb="7" eb="8">
      <t>フク</t>
    </rPh>
    <phoneticPr fontId="4"/>
  </si>
  <si>
    <t>（注1）海外支所を含む。</t>
    <rPh sb="0" eb="4">
      <t>チ</t>
    </rPh>
    <rPh sb="4" eb="6">
      <t>カイガイ</t>
    </rPh>
    <rPh sb="6" eb="8">
      <t>シショ</t>
    </rPh>
    <rPh sb="9" eb="10">
      <t>フク</t>
    </rPh>
    <phoneticPr fontId="4"/>
  </si>
  <si>
    <t>サービス業(他に分類されないもの)</t>
  </si>
  <si>
    <t>R</t>
  </si>
  <si>
    <t>複合サービス事業</t>
  </si>
  <si>
    <t>Q</t>
  </si>
  <si>
    <t>医療，福祉</t>
  </si>
  <si>
    <t>P</t>
  </si>
  <si>
    <t>教育，学習支援業</t>
  </si>
  <si>
    <t>O</t>
  </si>
  <si>
    <t>生活関連サービス業，娯楽業</t>
  </si>
  <si>
    <t>N</t>
  </si>
  <si>
    <t>宿泊業，飲食サービス業</t>
  </si>
  <si>
    <t>M</t>
  </si>
  <si>
    <t>学術研究， 専門・技術サービス業</t>
  </si>
  <si>
    <t>L</t>
  </si>
  <si>
    <t>不動産業，物品賃貸業</t>
  </si>
  <si>
    <t>K</t>
  </si>
  <si>
    <t>金融業，保険業</t>
  </si>
  <si>
    <t>J</t>
  </si>
  <si>
    <t>卸売業，小売業</t>
  </si>
  <si>
    <t>I</t>
  </si>
  <si>
    <t>運輸業，郵便業</t>
  </si>
  <si>
    <t>H</t>
  </si>
  <si>
    <t>情報通信業</t>
  </si>
  <si>
    <t>G</t>
  </si>
  <si>
    <t>-</t>
  </si>
  <si>
    <t>電気・ガス・熱供給・水道業</t>
  </si>
  <si>
    <t>F</t>
  </si>
  <si>
    <t>製造業</t>
  </si>
  <si>
    <t>E</t>
  </si>
  <si>
    <t>建設業</t>
  </si>
  <si>
    <t>D</t>
  </si>
  <si>
    <t>鉱業，採石業，砂利採取業</t>
  </si>
  <si>
    <t>C</t>
  </si>
  <si>
    <t>農林漁業</t>
  </si>
  <si>
    <t>A～B</t>
  </si>
  <si>
    <t>総数</t>
    <rPh sb="0" eb="2">
      <t>ソウスウ</t>
    </rPh>
    <phoneticPr fontId="4"/>
  </si>
  <si>
    <t>個人</t>
    <rPh sb="0" eb="2">
      <t>コジン</t>
    </rPh>
    <phoneticPr fontId="4"/>
  </si>
  <si>
    <t>法人（うち会社以外の法人）</t>
    <rPh sb="0" eb="2">
      <t>ホウジン</t>
    </rPh>
    <rPh sb="5" eb="7">
      <t>カイシャ</t>
    </rPh>
    <rPh sb="7" eb="9">
      <t>イガイ</t>
    </rPh>
    <rPh sb="10" eb="12">
      <t>ホウジン</t>
    </rPh>
    <phoneticPr fontId="4"/>
  </si>
  <si>
    <t>法人（うち会社企業）</t>
    <rPh sb="0" eb="2">
      <t>ホウジン</t>
    </rPh>
    <rPh sb="5" eb="7">
      <t>カイシャ</t>
    </rPh>
    <rPh sb="7" eb="9">
      <t>キギョウ</t>
    </rPh>
    <phoneticPr fontId="4"/>
  </si>
  <si>
    <t>法人</t>
    <rPh sb="0" eb="2">
      <t>ホウジン</t>
    </rPh>
    <phoneticPr fontId="4"/>
  </si>
  <si>
    <t>総数（経営組織）</t>
    <rPh sb="0" eb="2">
      <t>ソウスウ</t>
    </rPh>
    <rPh sb="3" eb="5">
      <t>ケイエイ</t>
    </rPh>
    <rPh sb="5" eb="7">
      <t>ソシキ</t>
    </rPh>
    <phoneticPr fontId="4"/>
  </si>
  <si>
    <t>うち国内常用
雇用者(人)</t>
    <rPh sb="2" eb="4">
      <t>コクナイ</t>
    </rPh>
    <phoneticPr fontId="4"/>
  </si>
  <si>
    <t>うち国内
事業所数</t>
    <phoneticPr fontId="4"/>
  </si>
  <si>
    <t>常用雇用者数（注2）(人)</t>
    <rPh sb="6" eb="10">
      <t>チチ</t>
    </rPh>
    <phoneticPr fontId="4"/>
  </si>
  <si>
    <t>事業所数（注1）</t>
    <rPh sb="4" eb="8">
      <t>チ</t>
    </rPh>
    <phoneticPr fontId="4"/>
  </si>
  <si>
    <t>企業等数</t>
  </si>
  <si>
    <t>産業大分類</t>
    <rPh sb="0" eb="2">
      <t>サンギョウ</t>
    </rPh>
    <rPh sb="2" eb="5">
      <t>ダイブンルイ</t>
    </rPh>
    <phoneticPr fontId="4"/>
  </si>
  <si>
    <t>第１３表　産業大分類、経営組織（3区分）別企業等数、事業所数及び常用雇用者数</t>
    <rPh sb="0" eb="1">
      <t>ダイ</t>
    </rPh>
    <rPh sb="3" eb="4">
      <t>ヒョウ</t>
    </rPh>
    <rPh sb="5" eb="7">
      <t>サンギョウ</t>
    </rPh>
    <rPh sb="7" eb="10">
      <t>ダイブンルイ</t>
    </rPh>
    <rPh sb="11" eb="13">
      <t>ケイエイ</t>
    </rPh>
    <rPh sb="13" eb="15">
      <t>ソシキ</t>
    </rPh>
    <rPh sb="17" eb="19">
      <t>クブン</t>
    </rPh>
    <rPh sb="20" eb="21">
      <t>ベツ</t>
    </rPh>
    <rPh sb="21" eb="23">
      <t>キギョウ</t>
    </rPh>
    <rPh sb="23" eb="24">
      <t>トウ</t>
    </rPh>
    <rPh sb="24" eb="25">
      <t>スウ</t>
    </rPh>
    <rPh sb="26" eb="29">
      <t>ジギョウショ</t>
    </rPh>
    <rPh sb="29" eb="30">
      <t>スウ</t>
    </rPh>
    <rPh sb="30" eb="31">
      <t>オヨ</t>
    </rPh>
    <rPh sb="32" eb="34">
      <t>ジョウヨウ</t>
    </rPh>
    <rPh sb="34" eb="37">
      <t>コヨウシャ</t>
    </rPh>
    <rPh sb="37" eb="38">
      <t>ス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9"/>
      <color theme="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9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4">
    <xf numFmtId="0" fontId="0" fillId="0" borderId="0" xfId="0">
      <alignment vertical="center"/>
    </xf>
    <xf numFmtId="0" fontId="2" fillId="0" borderId="0" xfId="1" applyFont="1">
      <alignment vertical="center"/>
    </xf>
    <xf numFmtId="0" fontId="2" fillId="0" borderId="0" xfId="1" applyFont="1" applyBorder="1" applyAlignment="1">
      <alignment horizontal="left" vertical="center"/>
    </xf>
    <xf numFmtId="0" fontId="2" fillId="0" borderId="1" xfId="1" applyFont="1" applyBorder="1" applyAlignment="1">
      <alignment horizontal="left" vertical="center"/>
    </xf>
    <xf numFmtId="176" fontId="2" fillId="0" borderId="0" xfId="1" applyNumberFormat="1" applyFont="1">
      <alignment vertical="center"/>
    </xf>
    <xf numFmtId="38" fontId="2" fillId="0" borderId="2" xfId="2" applyFont="1" applyBorder="1" applyAlignment="1">
      <alignment horizontal="right" vertical="center"/>
    </xf>
    <xf numFmtId="38" fontId="2" fillId="0" borderId="3" xfId="2" applyFont="1" applyBorder="1" applyAlignment="1">
      <alignment horizontal="right" vertical="center"/>
    </xf>
    <xf numFmtId="0" fontId="2" fillId="0" borderId="4" xfId="1" applyFont="1" applyBorder="1" applyAlignment="1">
      <alignment horizontal="distributed" vertical="center"/>
    </xf>
    <xf numFmtId="0" fontId="2" fillId="0" borderId="5" xfId="1" applyFont="1" applyBorder="1" applyAlignment="1">
      <alignment horizontal="center" vertical="center"/>
    </xf>
    <xf numFmtId="0" fontId="2" fillId="0" borderId="5" xfId="1" applyFont="1" applyBorder="1">
      <alignment vertical="center"/>
    </xf>
    <xf numFmtId="38" fontId="2" fillId="0" borderId="6" xfId="2" applyFont="1" applyBorder="1" applyAlignment="1">
      <alignment horizontal="right" vertical="center"/>
    </xf>
    <xf numFmtId="38" fontId="2" fillId="0" borderId="7" xfId="2" applyFont="1" applyBorder="1" applyAlignment="1">
      <alignment horizontal="right" vertical="center"/>
    </xf>
    <xf numFmtId="0" fontId="2" fillId="0" borderId="8" xfId="1" applyFont="1" applyBorder="1" applyAlignment="1">
      <alignment horizontal="distributed" vertical="center"/>
    </xf>
    <xf numFmtId="0" fontId="2" fillId="0" borderId="0" xfId="1" applyFont="1" applyBorder="1" applyAlignment="1">
      <alignment horizontal="center" vertical="center"/>
    </xf>
    <xf numFmtId="0" fontId="2" fillId="0" borderId="0" xfId="1" applyFont="1" applyBorder="1">
      <alignment vertical="center"/>
    </xf>
    <xf numFmtId="0" fontId="5" fillId="0" borderId="0" xfId="1" applyFont="1">
      <alignment vertical="center"/>
    </xf>
    <xf numFmtId="176" fontId="5" fillId="0" borderId="0" xfId="1" applyNumberFormat="1" applyFont="1">
      <alignment vertical="center"/>
    </xf>
    <xf numFmtId="38" fontId="5" fillId="0" borderId="6" xfId="2" applyFont="1" applyBorder="1" applyAlignment="1">
      <alignment horizontal="right" vertical="center"/>
    </xf>
    <xf numFmtId="38" fontId="5" fillId="0" borderId="7" xfId="2" applyFont="1" applyBorder="1" applyAlignment="1">
      <alignment horizontal="right" vertical="center"/>
    </xf>
    <xf numFmtId="0" fontId="5" fillId="0" borderId="8" xfId="1" applyFont="1" applyBorder="1" applyAlignment="1">
      <alignment horizontal="distributed" vertical="distributed"/>
    </xf>
    <xf numFmtId="0" fontId="5" fillId="0" borderId="0" xfId="1" applyFont="1" applyBorder="1" applyAlignment="1">
      <alignment horizontal="distributed" vertical="distributed"/>
    </xf>
    <xf numFmtId="0" fontId="5" fillId="0" borderId="0" xfId="1" applyFont="1" applyBorder="1">
      <alignment vertical="center"/>
    </xf>
    <xf numFmtId="0" fontId="5" fillId="0" borderId="8" xfId="1" applyFont="1" applyBorder="1">
      <alignment vertical="center"/>
    </xf>
    <xf numFmtId="0" fontId="5" fillId="0" borderId="0" xfId="1" applyFont="1" applyAlignment="1">
      <alignment vertical="center" wrapText="1"/>
    </xf>
    <xf numFmtId="38" fontId="5" fillId="0" borderId="6" xfId="2" applyFont="1" applyBorder="1" applyAlignment="1">
      <alignment horizontal="center" vertical="center" wrapText="1"/>
    </xf>
    <xf numFmtId="38" fontId="5" fillId="0" borderId="7" xfId="2" applyFont="1" applyBorder="1" applyAlignment="1">
      <alignment horizontal="center" vertical="center" wrapText="1"/>
    </xf>
    <xf numFmtId="38" fontId="5" fillId="0" borderId="7" xfId="2" applyFont="1" applyBorder="1" applyAlignment="1">
      <alignment vertical="center" wrapText="1"/>
    </xf>
    <xf numFmtId="0" fontId="5" fillId="0" borderId="7" xfId="1" applyFont="1" applyBorder="1" applyAlignment="1">
      <alignment vertical="center" wrapText="1"/>
    </xf>
    <xf numFmtId="0" fontId="5" fillId="0" borderId="8" xfId="1" applyFont="1" applyBorder="1" applyAlignment="1">
      <alignment vertical="center"/>
    </xf>
    <xf numFmtId="0" fontId="2" fillId="0" borderId="0" xfId="1" applyFont="1" applyAlignment="1">
      <alignment vertical="center" wrapText="1"/>
    </xf>
    <xf numFmtId="0" fontId="2" fillId="0" borderId="9" xfId="1" applyFont="1" applyBorder="1" applyAlignment="1">
      <alignment horizontal="center" vertical="center" wrapText="1"/>
    </xf>
    <xf numFmtId="0" fontId="2" fillId="0" borderId="10" xfId="1" applyFont="1" applyBorder="1" applyAlignment="1">
      <alignment horizontal="center" vertical="center" wrapText="1"/>
    </xf>
    <xf numFmtId="0" fontId="2" fillId="0" borderId="11" xfId="1" applyFont="1" applyBorder="1" applyAlignment="1">
      <alignment horizontal="center" vertical="center" wrapText="1"/>
    </xf>
    <xf numFmtId="0" fontId="2" fillId="0" borderId="10" xfId="1" applyFont="1" applyBorder="1" applyAlignment="1">
      <alignment horizontal="center" vertical="center" wrapText="1"/>
    </xf>
    <xf numFmtId="0" fontId="2" fillId="0" borderId="12" xfId="1" applyFont="1" applyBorder="1" applyAlignment="1">
      <alignment horizontal="center" vertical="center" wrapText="1"/>
    </xf>
    <xf numFmtId="0" fontId="2" fillId="0" borderId="13" xfId="1" applyFont="1" applyBorder="1" applyAlignment="1">
      <alignment horizontal="center" vertical="center" wrapText="1"/>
    </xf>
    <xf numFmtId="0" fontId="2" fillId="0" borderId="14" xfId="1" applyFont="1" applyBorder="1" applyAlignment="1">
      <alignment horizontal="center" vertical="center" wrapText="1"/>
    </xf>
    <xf numFmtId="0" fontId="2" fillId="0" borderId="15" xfId="1" applyFont="1" applyBorder="1" applyAlignment="1">
      <alignment horizontal="center" vertical="center" wrapText="1"/>
    </xf>
    <xf numFmtId="0" fontId="2" fillId="0" borderId="16" xfId="1" applyFont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 wrapText="1"/>
    </xf>
    <xf numFmtId="0" fontId="2" fillId="0" borderId="1" xfId="1" applyFont="1" applyBorder="1" applyAlignment="1">
      <alignment horizontal="center" vertical="center" wrapText="1"/>
    </xf>
    <xf numFmtId="0" fontId="6" fillId="0" borderId="5" xfId="1" applyFont="1" applyBorder="1" applyAlignment="1">
      <alignment horizontal="center" vertical="center"/>
    </xf>
    <xf numFmtId="0" fontId="6" fillId="0" borderId="5" xfId="1" applyFont="1" applyBorder="1" applyAlignment="1">
      <alignment vertical="center"/>
    </xf>
  </cellXfs>
  <cellStyles count="3"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I100"/>
  <sheetViews>
    <sheetView tabSelected="1" zoomScaleNormal="100" workbookViewId="0"/>
  </sheetViews>
  <sheetFormatPr defaultRowHeight="11.25" x14ac:dyDescent="0.4"/>
  <cols>
    <col min="1" max="1" width="1.875" style="1" customWidth="1"/>
    <col min="2" max="2" width="4.5" style="1" bestFit="1" customWidth="1"/>
    <col min="3" max="3" width="28.75" style="1" customWidth="1"/>
    <col min="4" max="8" width="11.25" style="1" customWidth="1"/>
    <col min="9" max="9" width="5.5" style="1" customWidth="1"/>
    <col min="10" max="16384" width="9" style="1"/>
  </cols>
  <sheetData>
    <row r="1" spans="1:9" ht="33.75" customHeight="1" x14ac:dyDescent="0.4">
      <c r="A1" s="43"/>
      <c r="B1" s="42" t="s">
        <v>49</v>
      </c>
      <c r="C1" s="42"/>
      <c r="D1" s="42"/>
      <c r="E1" s="42"/>
      <c r="F1" s="42"/>
      <c r="G1" s="42"/>
      <c r="H1" s="42"/>
    </row>
    <row r="2" spans="1:9" s="29" customFormat="1" ht="22.5" customHeight="1" x14ac:dyDescent="0.4">
      <c r="A2" s="41" t="s">
        <v>48</v>
      </c>
      <c r="B2" s="41"/>
      <c r="C2" s="40"/>
      <c r="D2" s="37" t="s">
        <v>47</v>
      </c>
      <c r="E2" s="39" t="s">
        <v>46</v>
      </c>
      <c r="F2" s="38"/>
      <c r="G2" s="37" t="s">
        <v>45</v>
      </c>
      <c r="H2" s="36"/>
    </row>
    <row r="3" spans="1:9" s="29" customFormat="1" ht="30" customHeight="1" thickBot="1" x14ac:dyDescent="0.45">
      <c r="A3" s="35"/>
      <c r="B3" s="35"/>
      <c r="C3" s="34"/>
      <c r="D3" s="33"/>
      <c r="E3" s="31"/>
      <c r="F3" s="32" t="s">
        <v>44</v>
      </c>
      <c r="G3" s="31"/>
      <c r="H3" s="30" t="s">
        <v>43</v>
      </c>
    </row>
    <row r="4" spans="1:9" s="23" customFormat="1" ht="18.75" customHeight="1" thickTop="1" x14ac:dyDescent="0.4">
      <c r="A4" s="28" t="s">
        <v>42</v>
      </c>
      <c r="B4" s="27"/>
      <c r="C4" s="27"/>
      <c r="D4" s="26"/>
      <c r="E4" s="25"/>
      <c r="F4" s="25"/>
      <c r="G4" s="25"/>
      <c r="H4" s="24"/>
    </row>
    <row r="5" spans="1:9" s="15" customFormat="1" ht="15" customHeight="1" x14ac:dyDescent="0.4">
      <c r="A5" s="21"/>
      <c r="B5" s="20" t="s">
        <v>37</v>
      </c>
      <c r="C5" s="19"/>
      <c r="D5" s="18">
        <v>127726</v>
      </c>
      <c r="E5" s="18">
        <v>211838</v>
      </c>
      <c r="F5" s="18">
        <v>210414</v>
      </c>
      <c r="G5" s="18">
        <v>2487616</v>
      </c>
      <c r="H5" s="17">
        <v>2464078</v>
      </c>
      <c r="I5" s="16"/>
    </row>
    <row r="6" spans="1:9" ht="15" customHeight="1" x14ac:dyDescent="0.4">
      <c r="A6" s="14"/>
      <c r="B6" s="13" t="s">
        <v>36</v>
      </c>
      <c r="C6" s="12" t="s">
        <v>35</v>
      </c>
      <c r="D6" s="11">
        <v>47</v>
      </c>
      <c r="E6" s="11">
        <v>98</v>
      </c>
      <c r="F6" s="11">
        <v>98</v>
      </c>
      <c r="G6" s="11">
        <v>926</v>
      </c>
      <c r="H6" s="10">
        <v>926</v>
      </c>
      <c r="I6" s="4"/>
    </row>
    <row r="7" spans="1:9" ht="15" customHeight="1" x14ac:dyDescent="0.4">
      <c r="A7" s="14"/>
      <c r="B7" s="13" t="s">
        <v>34</v>
      </c>
      <c r="C7" s="12" t="s">
        <v>33</v>
      </c>
      <c r="D7" s="11">
        <v>5</v>
      </c>
      <c r="E7" s="11">
        <v>10</v>
      </c>
      <c r="F7" s="11">
        <v>10</v>
      </c>
      <c r="G7" s="11">
        <v>80</v>
      </c>
      <c r="H7" s="10">
        <v>80</v>
      </c>
      <c r="I7" s="4"/>
    </row>
    <row r="8" spans="1:9" ht="15" customHeight="1" x14ac:dyDescent="0.4">
      <c r="A8" s="14"/>
      <c r="B8" s="13" t="s">
        <v>32</v>
      </c>
      <c r="C8" s="12" t="s">
        <v>31</v>
      </c>
      <c r="D8" s="11">
        <v>7176</v>
      </c>
      <c r="E8" s="11">
        <v>12432</v>
      </c>
      <c r="F8" s="11">
        <v>12377</v>
      </c>
      <c r="G8" s="11">
        <v>152569</v>
      </c>
      <c r="H8" s="10">
        <v>152008</v>
      </c>
      <c r="I8" s="4"/>
    </row>
    <row r="9" spans="1:9" ht="15" customHeight="1" x14ac:dyDescent="0.4">
      <c r="A9" s="14"/>
      <c r="B9" s="13" t="s">
        <v>30</v>
      </c>
      <c r="C9" s="12" t="s">
        <v>29</v>
      </c>
      <c r="D9" s="11">
        <v>15590</v>
      </c>
      <c r="E9" s="11">
        <v>26880</v>
      </c>
      <c r="F9" s="11">
        <v>26332</v>
      </c>
      <c r="G9" s="11">
        <v>528501</v>
      </c>
      <c r="H9" s="10">
        <v>511827</v>
      </c>
      <c r="I9" s="4"/>
    </row>
    <row r="10" spans="1:9" ht="15" customHeight="1" x14ac:dyDescent="0.4">
      <c r="A10" s="14"/>
      <c r="B10" s="13" t="s">
        <v>28</v>
      </c>
      <c r="C10" s="12" t="s">
        <v>27</v>
      </c>
      <c r="D10" s="11">
        <v>18</v>
      </c>
      <c r="E10" s="11">
        <v>509</v>
      </c>
      <c r="F10" s="11">
        <v>506</v>
      </c>
      <c r="G10" s="11">
        <v>23891</v>
      </c>
      <c r="H10" s="10">
        <v>23884</v>
      </c>
      <c r="I10" s="4"/>
    </row>
    <row r="11" spans="1:9" ht="15" customHeight="1" x14ac:dyDescent="0.4">
      <c r="A11" s="14"/>
      <c r="B11" s="13" t="s">
        <v>25</v>
      </c>
      <c r="C11" s="12" t="s">
        <v>24</v>
      </c>
      <c r="D11" s="11">
        <v>2886</v>
      </c>
      <c r="E11" s="11">
        <v>4514</v>
      </c>
      <c r="F11" s="11">
        <v>4487</v>
      </c>
      <c r="G11" s="11">
        <v>106739</v>
      </c>
      <c r="H11" s="10">
        <v>106459</v>
      </c>
      <c r="I11" s="4"/>
    </row>
    <row r="12" spans="1:9" ht="15" customHeight="1" x14ac:dyDescent="0.4">
      <c r="A12" s="14"/>
      <c r="B12" s="13" t="s">
        <v>23</v>
      </c>
      <c r="C12" s="12" t="s">
        <v>22</v>
      </c>
      <c r="D12" s="11">
        <v>2201</v>
      </c>
      <c r="E12" s="11">
        <v>5647</v>
      </c>
      <c r="F12" s="11">
        <v>5611</v>
      </c>
      <c r="G12" s="11">
        <v>158864</v>
      </c>
      <c r="H12" s="10">
        <v>158708</v>
      </c>
      <c r="I12" s="4"/>
    </row>
    <row r="13" spans="1:9" ht="15" customHeight="1" x14ac:dyDescent="0.4">
      <c r="A13" s="14"/>
      <c r="B13" s="13" t="s">
        <v>21</v>
      </c>
      <c r="C13" s="12" t="s">
        <v>20</v>
      </c>
      <c r="D13" s="11">
        <v>29808</v>
      </c>
      <c r="E13" s="11">
        <v>57795</v>
      </c>
      <c r="F13" s="11">
        <v>57162</v>
      </c>
      <c r="G13" s="11">
        <v>538118</v>
      </c>
      <c r="H13" s="10">
        <v>532997</v>
      </c>
      <c r="I13" s="4"/>
    </row>
    <row r="14" spans="1:9" ht="15" customHeight="1" x14ac:dyDescent="0.4">
      <c r="A14" s="14"/>
      <c r="B14" s="13" t="s">
        <v>19</v>
      </c>
      <c r="C14" s="12" t="s">
        <v>18</v>
      </c>
      <c r="D14" s="11">
        <v>960</v>
      </c>
      <c r="E14" s="11">
        <v>4288</v>
      </c>
      <c r="F14" s="11">
        <v>4277</v>
      </c>
      <c r="G14" s="11">
        <v>109592</v>
      </c>
      <c r="H14" s="10">
        <v>109524</v>
      </c>
      <c r="I14" s="4"/>
    </row>
    <row r="15" spans="1:9" ht="15" customHeight="1" x14ac:dyDescent="0.4">
      <c r="A15" s="14"/>
      <c r="B15" s="13" t="s">
        <v>17</v>
      </c>
      <c r="C15" s="12" t="s">
        <v>16</v>
      </c>
      <c r="D15" s="11">
        <v>12744</v>
      </c>
      <c r="E15" s="11">
        <v>15596</v>
      </c>
      <c r="F15" s="11">
        <v>15546</v>
      </c>
      <c r="G15" s="11">
        <v>55657</v>
      </c>
      <c r="H15" s="10">
        <v>55253</v>
      </c>
      <c r="I15" s="4"/>
    </row>
    <row r="16" spans="1:9" ht="15" customHeight="1" x14ac:dyDescent="0.4">
      <c r="A16" s="14"/>
      <c r="B16" s="13" t="s">
        <v>15</v>
      </c>
      <c r="C16" s="12" t="s">
        <v>14</v>
      </c>
      <c r="D16" s="11">
        <v>10561</v>
      </c>
      <c r="E16" s="11">
        <v>13008</v>
      </c>
      <c r="F16" s="11">
        <v>12986</v>
      </c>
      <c r="G16" s="11">
        <v>79134</v>
      </c>
      <c r="H16" s="10">
        <v>78995</v>
      </c>
      <c r="I16" s="4"/>
    </row>
    <row r="17" spans="1:9" ht="15" customHeight="1" x14ac:dyDescent="0.4">
      <c r="A17" s="14"/>
      <c r="B17" s="13" t="s">
        <v>13</v>
      </c>
      <c r="C17" s="12" t="s">
        <v>12</v>
      </c>
      <c r="D17" s="11">
        <v>19463</v>
      </c>
      <c r="E17" s="11">
        <v>31206</v>
      </c>
      <c r="F17" s="11">
        <v>31197</v>
      </c>
      <c r="G17" s="11">
        <v>214937</v>
      </c>
      <c r="H17" s="10">
        <v>214884</v>
      </c>
      <c r="I17" s="4"/>
    </row>
    <row r="18" spans="1:9" ht="15" customHeight="1" x14ac:dyDescent="0.4">
      <c r="A18" s="14"/>
      <c r="B18" s="13" t="s">
        <v>11</v>
      </c>
      <c r="C18" s="12" t="s">
        <v>10</v>
      </c>
      <c r="D18" s="11">
        <v>8233</v>
      </c>
      <c r="E18" s="11">
        <v>11548</v>
      </c>
      <c r="F18" s="11">
        <v>11541</v>
      </c>
      <c r="G18" s="11">
        <v>67639</v>
      </c>
      <c r="H18" s="10">
        <v>67624</v>
      </c>
      <c r="I18" s="4"/>
    </row>
    <row r="19" spans="1:9" ht="15" customHeight="1" x14ac:dyDescent="0.4">
      <c r="A19" s="14"/>
      <c r="B19" s="13" t="s">
        <v>9</v>
      </c>
      <c r="C19" s="12" t="s">
        <v>8</v>
      </c>
      <c r="D19" s="11">
        <v>2262</v>
      </c>
      <c r="E19" s="11">
        <v>4940</v>
      </c>
      <c r="F19" s="11">
        <v>4937</v>
      </c>
      <c r="G19" s="11">
        <v>54368</v>
      </c>
      <c r="H19" s="10">
        <v>54364</v>
      </c>
      <c r="I19" s="4"/>
    </row>
    <row r="20" spans="1:9" ht="15" customHeight="1" x14ac:dyDescent="0.4">
      <c r="A20" s="14"/>
      <c r="B20" s="13" t="s">
        <v>7</v>
      </c>
      <c r="C20" s="12" t="s">
        <v>6</v>
      </c>
      <c r="D20" s="11">
        <v>9309</v>
      </c>
      <c r="E20" s="11">
        <v>12969</v>
      </c>
      <c r="F20" s="11">
        <v>12965</v>
      </c>
      <c r="G20" s="11">
        <v>194744</v>
      </c>
      <c r="H20" s="10">
        <v>194740</v>
      </c>
      <c r="I20" s="4"/>
    </row>
    <row r="21" spans="1:9" ht="15" customHeight="1" x14ac:dyDescent="0.4">
      <c r="A21" s="14"/>
      <c r="B21" s="13" t="s">
        <v>5</v>
      </c>
      <c r="C21" s="12" t="s">
        <v>4</v>
      </c>
      <c r="D21" s="11">
        <v>33</v>
      </c>
      <c r="E21" s="11">
        <v>64</v>
      </c>
      <c r="F21" s="11">
        <v>64</v>
      </c>
      <c r="G21" s="11">
        <v>432</v>
      </c>
      <c r="H21" s="10">
        <v>432</v>
      </c>
      <c r="I21" s="4"/>
    </row>
    <row r="22" spans="1:9" ht="15" customHeight="1" x14ac:dyDescent="0.4">
      <c r="A22" s="14"/>
      <c r="B22" s="13" t="s">
        <v>3</v>
      </c>
      <c r="C22" s="12" t="s">
        <v>2</v>
      </c>
      <c r="D22" s="11">
        <v>6430</v>
      </c>
      <c r="E22" s="11">
        <v>10334</v>
      </c>
      <c r="F22" s="11">
        <v>10318</v>
      </c>
      <c r="G22" s="11">
        <v>201425</v>
      </c>
      <c r="H22" s="10">
        <v>201373</v>
      </c>
      <c r="I22" s="4"/>
    </row>
    <row r="23" spans="1:9" s="15" customFormat="1" ht="18.75" customHeight="1" x14ac:dyDescent="0.4">
      <c r="A23" s="21" t="s">
        <v>41</v>
      </c>
      <c r="B23" s="21"/>
      <c r="C23" s="22"/>
      <c r="D23" s="18"/>
      <c r="E23" s="18"/>
      <c r="F23" s="18"/>
      <c r="G23" s="18"/>
      <c r="H23" s="17"/>
      <c r="I23" s="16"/>
    </row>
    <row r="24" spans="1:9" s="15" customFormat="1" ht="15" customHeight="1" x14ac:dyDescent="0.4">
      <c r="A24" s="21"/>
      <c r="B24" s="20" t="s">
        <v>37</v>
      </c>
      <c r="C24" s="19"/>
      <c r="D24" s="18">
        <v>66668</v>
      </c>
      <c r="E24" s="18">
        <v>150151</v>
      </c>
      <c r="F24" s="18">
        <v>148734</v>
      </c>
      <c r="G24" s="18">
        <v>2390279</v>
      </c>
      <c r="H24" s="17">
        <v>2366752</v>
      </c>
      <c r="I24" s="16"/>
    </row>
    <row r="25" spans="1:9" ht="15" customHeight="1" x14ac:dyDescent="0.4">
      <c r="A25" s="14"/>
      <c r="B25" s="13" t="s">
        <v>36</v>
      </c>
      <c r="C25" s="12" t="s">
        <v>35</v>
      </c>
      <c r="D25" s="11">
        <v>47</v>
      </c>
      <c r="E25" s="11">
        <v>98</v>
      </c>
      <c r="F25" s="11">
        <v>98</v>
      </c>
      <c r="G25" s="11">
        <v>926</v>
      </c>
      <c r="H25" s="10">
        <v>926</v>
      </c>
      <c r="I25" s="4"/>
    </row>
    <row r="26" spans="1:9" ht="15" customHeight="1" x14ac:dyDescent="0.4">
      <c r="A26" s="14"/>
      <c r="B26" s="13" t="s">
        <v>34</v>
      </c>
      <c r="C26" s="12" t="s">
        <v>33</v>
      </c>
      <c r="D26" s="11">
        <v>5</v>
      </c>
      <c r="E26" s="11">
        <v>10</v>
      </c>
      <c r="F26" s="11">
        <v>10</v>
      </c>
      <c r="G26" s="11">
        <v>80</v>
      </c>
      <c r="H26" s="10">
        <v>80</v>
      </c>
      <c r="I26" s="4"/>
    </row>
    <row r="27" spans="1:9" ht="15" customHeight="1" x14ac:dyDescent="0.4">
      <c r="A27" s="14"/>
      <c r="B27" s="13" t="s">
        <v>32</v>
      </c>
      <c r="C27" s="12" t="s">
        <v>31</v>
      </c>
      <c r="D27" s="11">
        <v>5757</v>
      </c>
      <c r="E27" s="11">
        <v>11002</v>
      </c>
      <c r="F27" s="11">
        <v>10947</v>
      </c>
      <c r="G27" s="11">
        <v>150791</v>
      </c>
      <c r="H27" s="10">
        <v>150230</v>
      </c>
      <c r="I27" s="4"/>
    </row>
    <row r="28" spans="1:9" ht="15" customHeight="1" x14ac:dyDescent="0.4">
      <c r="A28" s="14"/>
      <c r="B28" s="13" t="s">
        <v>30</v>
      </c>
      <c r="C28" s="12" t="s">
        <v>29</v>
      </c>
      <c r="D28" s="11">
        <v>10324</v>
      </c>
      <c r="E28" s="11">
        <v>21586</v>
      </c>
      <c r="F28" s="11">
        <v>21038</v>
      </c>
      <c r="G28" s="11">
        <v>521763</v>
      </c>
      <c r="H28" s="10">
        <v>505089</v>
      </c>
      <c r="I28" s="4"/>
    </row>
    <row r="29" spans="1:9" ht="15" customHeight="1" x14ac:dyDescent="0.4">
      <c r="A29" s="14"/>
      <c r="B29" s="13" t="s">
        <v>28</v>
      </c>
      <c r="C29" s="12" t="s">
        <v>27</v>
      </c>
      <c r="D29" s="11">
        <v>18</v>
      </c>
      <c r="E29" s="11">
        <v>509</v>
      </c>
      <c r="F29" s="11">
        <v>506</v>
      </c>
      <c r="G29" s="11">
        <v>23891</v>
      </c>
      <c r="H29" s="10">
        <v>23884</v>
      </c>
      <c r="I29" s="4"/>
    </row>
    <row r="30" spans="1:9" ht="15" customHeight="1" x14ac:dyDescent="0.4">
      <c r="A30" s="14"/>
      <c r="B30" s="13" t="s">
        <v>25</v>
      </c>
      <c r="C30" s="12" t="s">
        <v>24</v>
      </c>
      <c r="D30" s="11">
        <v>2723</v>
      </c>
      <c r="E30" s="11">
        <v>4349</v>
      </c>
      <c r="F30" s="11">
        <v>4322</v>
      </c>
      <c r="G30" s="11">
        <v>106609</v>
      </c>
      <c r="H30" s="10">
        <v>106329</v>
      </c>
      <c r="I30" s="4"/>
    </row>
    <row r="31" spans="1:9" ht="15" customHeight="1" x14ac:dyDescent="0.4">
      <c r="A31" s="14"/>
      <c r="B31" s="13" t="s">
        <v>23</v>
      </c>
      <c r="C31" s="12" t="s">
        <v>22</v>
      </c>
      <c r="D31" s="11">
        <v>1507</v>
      </c>
      <c r="E31" s="11">
        <v>4952</v>
      </c>
      <c r="F31" s="11">
        <v>4916</v>
      </c>
      <c r="G31" s="11">
        <v>158608</v>
      </c>
      <c r="H31" s="10">
        <v>158452</v>
      </c>
      <c r="I31" s="4"/>
    </row>
    <row r="32" spans="1:9" ht="15" customHeight="1" x14ac:dyDescent="0.4">
      <c r="A32" s="14"/>
      <c r="B32" s="13" t="s">
        <v>21</v>
      </c>
      <c r="C32" s="12" t="s">
        <v>20</v>
      </c>
      <c r="D32" s="11">
        <v>17263</v>
      </c>
      <c r="E32" s="11">
        <v>45034</v>
      </c>
      <c r="F32" s="11">
        <v>44404</v>
      </c>
      <c r="G32" s="11">
        <v>519883</v>
      </c>
      <c r="H32" s="10">
        <v>514769</v>
      </c>
      <c r="I32" s="4"/>
    </row>
    <row r="33" spans="1:9" ht="15" customHeight="1" x14ac:dyDescent="0.4">
      <c r="A33" s="14"/>
      <c r="B33" s="13" t="s">
        <v>19</v>
      </c>
      <c r="C33" s="12" t="s">
        <v>18</v>
      </c>
      <c r="D33" s="11">
        <v>850</v>
      </c>
      <c r="E33" s="11">
        <v>4177</v>
      </c>
      <c r="F33" s="11">
        <v>4166</v>
      </c>
      <c r="G33" s="11">
        <v>109496</v>
      </c>
      <c r="H33" s="10">
        <v>109428</v>
      </c>
      <c r="I33" s="4"/>
    </row>
    <row r="34" spans="1:9" ht="15" customHeight="1" x14ac:dyDescent="0.4">
      <c r="A34" s="14"/>
      <c r="B34" s="13" t="s">
        <v>17</v>
      </c>
      <c r="C34" s="12" t="s">
        <v>16</v>
      </c>
      <c r="D34" s="11">
        <v>7977</v>
      </c>
      <c r="E34" s="11">
        <v>10803</v>
      </c>
      <c r="F34" s="11">
        <v>10753</v>
      </c>
      <c r="G34" s="11">
        <v>53925</v>
      </c>
      <c r="H34" s="10">
        <v>53521</v>
      </c>
      <c r="I34" s="4"/>
    </row>
    <row r="35" spans="1:9" ht="15" customHeight="1" x14ac:dyDescent="0.4">
      <c r="A35" s="14"/>
      <c r="B35" s="13" t="s">
        <v>15</v>
      </c>
      <c r="C35" s="12" t="s">
        <v>14</v>
      </c>
      <c r="D35" s="11">
        <v>4810</v>
      </c>
      <c r="E35" s="11">
        <v>7239</v>
      </c>
      <c r="F35" s="11">
        <v>7217</v>
      </c>
      <c r="G35" s="11">
        <v>66681</v>
      </c>
      <c r="H35" s="10">
        <v>66542</v>
      </c>
      <c r="I35" s="4"/>
    </row>
    <row r="36" spans="1:9" ht="15" customHeight="1" x14ac:dyDescent="0.4">
      <c r="A36" s="14"/>
      <c r="B36" s="13" t="s">
        <v>13</v>
      </c>
      <c r="C36" s="12" t="s">
        <v>12</v>
      </c>
      <c r="D36" s="11">
        <v>3111</v>
      </c>
      <c r="E36" s="11">
        <v>14722</v>
      </c>
      <c r="F36" s="11">
        <v>14716</v>
      </c>
      <c r="G36" s="11">
        <v>188522</v>
      </c>
      <c r="H36" s="10">
        <v>188472</v>
      </c>
      <c r="I36" s="4"/>
    </row>
    <row r="37" spans="1:9" ht="15" customHeight="1" x14ac:dyDescent="0.4">
      <c r="A37" s="14"/>
      <c r="B37" s="13" t="s">
        <v>11</v>
      </c>
      <c r="C37" s="12" t="s">
        <v>10</v>
      </c>
      <c r="D37" s="11">
        <v>1902</v>
      </c>
      <c r="E37" s="11">
        <v>5129</v>
      </c>
      <c r="F37" s="11">
        <v>5122</v>
      </c>
      <c r="G37" s="11">
        <v>61957</v>
      </c>
      <c r="H37" s="10">
        <v>61942</v>
      </c>
      <c r="I37" s="4"/>
    </row>
    <row r="38" spans="1:9" ht="15" customHeight="1" x14ac:dyDescent="0.4">
      <c r="A38" s="14"/>
      <c r="B38" s="13" t="s">
        <v>9</v>
      </c>
      <c r="C38" s="12" t="s">
        <v>8</v>
      </c>
      <c r="D38" s="11">
        <v>859</v>
      </c>
      <c r="E38" s="11">
        <v>3493</v>
      </c>
      <c r="F38" s="11">
        <v>3491</v>
      </c>
      <c r="G38" s="11">
        <v>52105</v>
      </c>
      <c r="H38" s="10">
        <v>52102</v>
      </c>
      <c r="I38" s="4"/>
    </row>
    <row r="39" spans="1:9" ht="15" customHeight="1" x14ac:dyDescent="0.4">
      <c r="A39" s="14"/>
      <c r="B39" s="13" t="s">
        <v>7</v>
      </c>
      <c r="C39" s="12" t="s">
        <v>6</v>
      </c>
      <c r="D39" s="11">
        <v>3831</v>
      </c>
      <c r="E39" s="11">
        <v>7432</v>
      </c>
      <c r="F39" s="11">
        <v>7428</v>
      </c>
      <c r="G39" s="11">
        <v>174143</v>
      </c>
      <c r="H39" s="10">
        <v>174139</v>
      </c>
      <c r="I39" s="4"/>
    </row>
    <row r="40" spans="1:9" ht="15" customHeight="1" x14ac:dyDescent="0.4">
      <c r="A40" s="14"/>
      <c r="B40" s="13" t="s">
        <v>5</v>
      </c>
      <c r="C40" s="12" t="s">
        <v>4</v>
      </c>
      <c r="D40" s="11">
        <v>30</v>
      </c>
      <c r="E40" s="11">
        <v>61</v>
      </c>
      <c r="F40" s="11">
        <v>61</v>
      </c>
      <c r="G40" s="11">
        <v>431</v>
      </c>
      <c r="H40" s="10">
        <v>431</v>
      </c>
      <c r="I40" s="4"/>
    </row>
    <row r="41" spans="1:9" ht="15" customHeight="1" x14ac:dyDescent="0.4">
      <c r="A41" s="14"/>
      <c r="B41" s="13" t="s">
        <v>3</v>
      </c>
      <c r="C41" s="12" t="s">
        <v>2</v>
      </c>
      <c r="D41" s="11">
        <v>5654</v>
      </c>
      <c r="E41" s="11">
        <v>9555</v>
      </c>
      <c r="F41" s="11">
        <v>9539</v>
      </c>
      <c r="G41" s="11">
        <v>200468</v>
      </c>
      <c r="H41" s="10">
        <v>200416</v>
      </c>
      <c r="I41" s="4"/>
    </row>
    <row r="42" spans="1:9" s="15" customFormat="1" ht="18.75" customHeight="1" x14ac:dyDescent="0.4">
      <c r="A42" s="21" t="s">
        <v>40</v>
      </c>
      <c r="B42" s="21"/>
      <c r="C42" s="22"/>
      <c r="D42" s="18"/>
      <c r="E42" s="18"/>
      <c r="F42" s="18"/>
      <c r="G42" s="18"/>
      <c r="H42" s="17"/>
      <c r="I42" s="16"/>
    </row>
    <row r="43" spans="1:9" s="15" customFormat="1" ht="15" customHeight="1" x14ac:dyDescent="0.4">
      <c r="A43" s="21"/>
      <c r="B43" s="20" t="s">
        <v>37</v>
      </c>
      <c r="C43" s="19"/>
      <c r="D43" s="18">
        <v>60528</v>
      </c>
      <c r="E43" s="18">
        <v>139941</v>
      </c>
      <c r="F43" s="18">
        <v>138530</v>
      </c>
      <c r="G43" s="18">
        <v>2193017</v>
      </c>
      <c r="H43" s="17">
        <v>2169508</v>
      </c>
      <c r="I43" s="16"/>
    </row>
    <row r="44" spans="1:9" ht="15" customHeight="1" x14ac:dyDescent="0.4">
      <c r="A44" s="14"/>
      <c r="B44" s="13" t="s">
        <v>36</v>
      </c>
      <c r="C44" s="12" t="s">
        <v>35</v>
      </c>
      <c r="D44" s="11">
        <v>43</v>
      </c>
      <c r="E44" s="11">
        <v>94</v>
      </c>
      <c r="F44" s="11">
        <v>94</v>
      </c>
      <c r="G44" s="11">
        <v>916</v>
      </c>
      <c r="H44" s="10">
        <v>916</v>
      </c>
      <c r="I44" s="4"/>
    </row>
    <row r="45" spans="1:9" ht="15" customHeight="1" x14ac:dyDescent="0.4">
      <c r="A45" s="14"/>
      <c r="B45" s="13" t="s">
        <v>34</v>
      </c>
      <c r="C45" s="12" t="s">
        <v>33</v>
      </c>
      <c r="D45" s="11">
        <v>5</v>
      </c>
      <c r="E45" s="11">
        <v>10</v>
      </c>
      <c r="F45" s="11">
        <v>10</v>
      </c>
      <c r="G45" s="11">
        <v>80</v>
      </c>
      <c r="H45" s="10">
        <v>80</v>
      </c>
      <c r="I45" s="4"/>
    </row>
    <row r="46" spans="1:9" ht="15" customHeight="1" x14ac:dyDescent="0.4">
      <c r="A46" s="14"/>
      <c r="B46" s="13" t="s">
        <v>32</v>
      </c>
      <c r="C46" s="12" t="s">
        <v>31</v>
      </c>
      <c r="D46" s="11">
        <v>5750</v>
      </c>
      <c r="E46" s="11">
        <v>10995</v>
      </c>
      <c r="F46" s="11">
        <v>10940</v>
      </c>
      <c r="G46" s="11">
        <v>150763</v>
      </c>
      <c r="H46" s="10">
        <v>150202</v>
      </c>
      <c r="I46" s="4"/>
    </row>
    <row r="47" spans="1:9" ht="15" customHeight="1" x14ac:dyDescent="0.4">
      <c r="A47" s="14"/>
      <c r="B47" s="13" t="s">
        <v>30</v>
      </c>
      <c r="C47" s="12" t="s">
        <v>29</v>
      </c>
      <c r="D47" s="11">
        <v>10311</v>
      </c>
      <c r="E47" s="11">
        <v>21570</v>
      </c>
      <c r="F47" s="11">
        <v>21022</v>
      </c>
      <c r="G47" s="11">
        <v>520515</v>
      </c>
      <c r="H47" s="10">
        <v>503841</v>
      </c>
      <c r="I47" s="4"/>
    </row>
    <row r="48" spans="1:9" ht="15" customHeight="1" x14ac:dyDescent="0.4">
      <c r="A48" s="14"/>
      <c r="B48" s="13" t="s">
        <v>28</v>
      </c>
      <c r="C48" s="12" t="s">
        <v>27</v>
      </c>
      <c r="D48" s="11">
        <v>16</v>
      </c>
      <c r="E48" s="11">
        <v>502</v>
      </c>
      <c r="F48" s="11">
        <v>499</v>
      </c>
      <c r="G48" s="11">
        <v>23513</v>
      </c>
      <c r="H48" s="10">
        <v>23506</v>
      </c>
      <c r="I48" s="4"/>
    </row>
    <row r="49" spans="1:9" ht="15" customHeight="1" x14ac:dyDescent="0.4">
      <c r="A49" s="14"/>
      <c r="B49" s="13" t="s">
        <v>25</v>
      </c>
      <c r="C49" s="12" t="s">
        <v>24</v>
      </c>
      <c r="D49" s="11">
        <v>2709</v>
      </c>
      <c r="E49" s="11">
        <v>4328</v>
      </c>
      <c r="F49" s="11">
        <v>4301</v>
      </c>
      <c r="G49" s="11">
        <v>106506</v>
      </c>
      <c r="H49" s="10">
        <v>106226</v>
      </c>
      <c r="I49" s="4"/>
    </row>
    <row r="50" spans="1:9" ht="15" customHeight="1" x14ac:dyDescent="0.4">
      <c r="A50" s="14"/>
      <c r="B50" s="13" t="s">
        <v>23</v>
      </c>
      <c r="C50" s="12" t="s">
        <v>22</v>
      </c>
      <c r="D50" s="11">
        <v>1483</v>
      </c>
      <c r="E50" s="11">
        <v>4923</v>
      </c>
      <c r="F50" s="11">
        <v>4887</v>
      </c>
      <c r="G50" s="11">
        <v>158470</v>
      </c>
      <c r="H50" s="10">
        <v>158314</v>
      </c>
      <c r="I50" s="4"/>
    </row>
    <row r="51" spans="1:9" ht="15" customHeight="1" x14ac:dyDescent="0.4">
      <c r="A51" s="14"/>
      <c r="B51" s="13" t="s">
        <v>21</v>
      </c>
      <c r="C51" s="12" t="s">
        <v>20</v>
      </c>
      <c r="D51" s="11">
        <v>17165</v>
      </c>
      <c r="E51" s="11">
        <v>44169</v>
      </c>
      <c r="F51" s="11">
        <v>43539</v>
      </c>
      <c r="G51" s="11">
        <v>514559</v>
      </c>
      <c r="H51" s="10">
        <v>509445</v>
      </c>
      <c r="I51" s="4"/>
    </row>
    <row r="52" spans="1:9" ht="15" customHeight="1" x14ac:dyDescent="0.4">
      <c r="A52" s="14"/>
      <c r="B52" s="13" t="s">
        <v>19</v>
      </c>
      <c r="C52" s="12" t="s">
        <v>18</v>
      </c>
      <c r="D52" s="11">
        <v>808</v>
      </c>
      <c r="E52" s="11">
        <v>3731</v>
      </c>
      <c r="F52" s="11">
        <v>3720</v>
      </c>
      <c r="G52" s="11">
        <v>100057</v>
      </c>
      <c r="H52" s="10">
        <v>99989</v>
      </c>
      <c r="I52" s="4"/>
    </row>
    <row r="53" spans="1:9" ht="15" customHeight="1" x14ac:dyDescent="0.4">
      <c r="A53" s="14"/>
      <c r="B53" s="13" t="s">
        <v>17</v>
      </c>
      <c r="C53" s="12" t="s">
        <v>16</v>
      </c>
      <c r="D53" s="11">
        <v>7884</v>
      </c>
      <c r="E53" s="11">
        <v>10687</v>
      </c>
      <c r="F53" s="11">
        <v>10637</v>
      </c>
      <c r="G53" s="11">
        <v>52757</v>
      </c>
      <c r="H53" s="10">
        <v>52353</v>
      </c>
      <c r="I53" s="4"/>
    </row>
    <row r="54" spans="1:9" ht="15" customHeight="1" x14ac:dyDescent="0.4">
      <c r="A54" s="14"/>
      <c r="B54" s="13" t="s">
        <v>15</v>
      </c>
      <c r="C54" s="12" t="s">
        <v>14</v>
      </c>
      <c r="D54" s="11">
        <v>4347</v>
      </c>
      <c r="E54" s="11">
        <v>6571</v>
      </c>
      <c r="F54" s="11">
        <v>6551</v>
      </c>
      <c r="G54" s="11">
        <v>59134</v>
      </c>
      <c r="H54" s="10">
        <v>59009</v>
      </c>
      <c r="I54" s="4"/>
    </row>
    <row r="55" spans="1:9" ht="15" customHeight="1" x14ac:dyDescent="0.4">
      <c r="A55" s="14"/>
      <c r="B55" s="13" t="s">
        <v>13</v>
      </c>
      <c r="C55" s="12" t="s">
        <v>12</v>
      </c>
      <c r="D55" s="11">
        <v>3099</v>
      </c>
      <c r="E55" s="11">
        <v>14707</v>
      </c>
      <c r="F55" s="11">
        <v>14701</v>
      </c>
      <c r="G55" s="11">
        <v>188409</v>
      </c>
      <c r="H55" s="10">
        <v>188359</v>
      </c>
      <c r="I55" s="4"/>
    </row>
    <row r="56" spans="1:9" ht="15" customHeight="1" x14ac:dyDescent="0.4">
      <c r="A56" s="14"/>
      <c r="B56" s="13" t="s">
        <v>11</v>
      </c>
      <c r="C56" s="12" t="s">
        <v>10</v>
      </c>
      <c r="D56" s="11">
        <v>1871</v>
      </c>
      <c r="E56" s="11">
        <v>5061</v>
      </c>
      <c r="F56" s="11">
        <v>5054</v>
      </c>
      <c r="G56" s="11">
        <v>60774</v>
      </c>
      <c r="H56" s="10">
        <v>60759</v>
      </c>
      <c r="I56" s="4"/>
    </row>
    <row r="57" spans="1:9" ht="15" customHeight="1" x14ac:dyDescent="0.4">
      <c r="A57" s="14"/>
      <c r="B57" s="13" t="s">
        <v>9</v>
      </c>
      <c r="C57" s="12" t="s">
        <v>8</v>
      </c>
      <c r="D57" s="11">
        <v>535</v>
      </c>
      <c r="E57" s="11">
        <v>2863</v>
      </c>
      <c r="F57" s="11">
        <v>2861</v>
      </c>
      <c r="G57" s="11">
        <v>25311</v>
      </c>
      <c r="H57" s="10">
        <v>25308</v>
      </c>
      <c r="I57" s="4"/>
    </row>
    <row r="58" spans="1:9" ht="15" customHeight="1" x14ac:dyDescent="0.4">
      <c r="A58" s="14"/>
      <c r="B58" s="13" t="s">
        <v>7</v>
      </c>
      <c r="C58" s="12" t="s">
        <v>6</v>
      </c>
      <c r="D58" s="11">
        <v>1568</v>
      </c>
      <c r="E58" s="11">
        <v>3388</v>
      </c>
      <c r="F58" s="11">
        <v>3388</v>
      </c>
      <c r="G58" s="11">
        <v>42148</v>
      </c>
      <c r="H58" s="10">
        <v>42148</v>
      </c>
      <c r="I58" s="4"/>
    </row>
    <row r="59" spans="1:9" ht="15" customHeight="1" x14ac:dyDescent="0.4">
      <c r="A59" s="14"/>
      <c r="B59" s="13" t="s">
        <v>5</v>
      </c>
      <c r="C59" s="12" t="s">
        <v>4</v>
      </c>
      <c r="D59" s="11">
        <v>1</v>
      </c>
      <c r="E59" s="11">
        <v>1</v>
      </c>
      <c r="F59" s="11">
        <v>1</v>
      </c>
      <c r="G59" s="11" t="s">
        <v>26</v>
      </c>
      <c r="H59" s="10" t="s">
        <v>26</v>
      </c>
      <c r="I59" s="4"/>
    </row>
    <row r="60" spans="1:9" ht="15" customHeight="1" x14ac:dyDescent="0.4">
      <c r="A60" s="14"/>
      <c r="B60" s="13" t="s">
        <v>3</v>
      </c>
      <c r="C60" s="12" t="s">
        <v>2</v>
      </c>
      <c r="D60" s="11">
        <v>2933</v>
      </c>
      <c r="E60" s="11">
        <v>6341</v>
      </c>
      <c r="F60" s="11">
        <v>6325</v>
      </c>
      <c r="G60" s="11">
        <v>189105</v>
      </c>
      <c r="H60" s="10">
        <v>189053</v>
      </c>
      <c r="I60" s="4"/>
    </row>
    <row r="61" spans="1:9" s="15" customFormat="1" ht="18.75" customHeight="1" x14ac:dyDescent="0.4">
      <c r="A61" s="21" t="s">
        <v>39</v>
      </c>
      <c r="B61" s="21"/>
      <c r="C61" s="22"/>
      <c r="D61" s="18"/>
      <c r="E61" s="18"/>
      <c r="F61" s="18"/>
      <c r="G61" s="18"/>
      <c r="H61" s="17"/>
      <c r="I61" s="16"/>
    </row>
    <row r="62" spans="1:9" s="15" customFormat="1" ht="15" customHeight="1" x14ac:dyDescent="0.4">
      <c r="A62" s="21"/>
      <c r="B62" s="20" t="s">
        <v>37</v>
      </c>
      <c r="C62" s="19"/>
      <c r="D62" s="18">
        <v>6140</v>
      </c>
      <c r="E62" s="18">
        <v>10210</v>
      </c>
      <c r="F62" s="18">
        <v>10204</v>
      </c>
      <c r="G62" s="18">
        <v>197262</v>
      </c>
      <c r="H62" s="17">
        <v>197244</v>
      </c>
      <c r="I62" s="16"/>
    </row>
    <row r="63" spans="1:9" ht="15" customHeight="1" x14ac:dyDescent="0.4">
      <c r="A63" s="14"/>
      <c r="B63" s="13" t="s">
        <v>36</v>
      </c>
      <c r="C63" s="12" t="s">
        <v>35</v>
      </c>
      <c r="D63" s="11">
        <v>4</v>
      </c>
      <c r="E63" s="11">
        <v>4</v>
      </c>
      <c r="F63" s="11">
        <v>4</v>
      </c>
      <c r="G63" s="11">
        <v>10</v>
      </c>
      <c r="H63" s="10">
        <v>10</v>
      </c>
      <c r="I63" s="4"/>
    </row>
    <row r="64" spans="1:9" ht="15" customHeight="1" x14ac:dyDescent="0.4">
      <c r="A64" s="14"/>
      <c r="B64" s="13" t="s">
        <v>34</v>
      </c>
      <c r="C64" s="12" t="s">
        <v>33</v>
      </c>
      <c r="D64" s="11" t="s">
        <v>26</v>
      </c>
      <c r="E64" s="11" t="s">
        <v>26</v>
      </c>
      <c r="F64" s="11" t="s">
        <v>26</v>
      </c>
      <c r="G64" s="11" t="s">
        <v>26</v>
      </c>
      <c r="H64" s="10" t="s">
        <v>26</v>
      </c>
      <c r="I64" s="4"/>
    </row>
    <row r="65" spans="1:9" ht="15" customHeight="1" x14ac:dyDescent="0.4">
      <c r="A65" s="14"/>
      <c r="B65" s="13" t="s">
        <v>32</v>
      </c>
      <c r="C65" s="12" t="s">
        <v>31</v>
      </c>
      <c r="D65" s="11">
        <v>7</v>
      </c>
      <c r="E65" s="11">
        <v>7</v>
      </c>
      <c r="F65" s="11">
        <v>7</v>
      </c>
      <c r="G65" s="11">
        <v>28</v>
      </c>
      <c r="H65" s="10">
        <v>28</v>
      </c>
      <c r="I65" s="4"/>
    </row>
    <row r="66" spans="1:9" ht="15" customHeight="1" x14ac:dyDescent="0.4">
      <c r="A66" s="14"/>
      <c r="B66" s="13" t="s">
        <v>30</v>
      </c>
      <c r="C66" s="12" t="s">
        <v>29</v>
      </c>
      <c r="D66" s="11">
        <v>13</v>
      </c>
      <c r="E66" s="11">
        <v>16</v>
      </c>
      <c r="F66" s="11">
        <v>16</v>
      </c>
      <c r="G66" s="11">
        <v>1248</v>
      </c>
      <c r="H66" s="10">
        <v>1248</v>
      </c>
      <c r="I66" s="4"/>
    </row>
    <row r="67" spans="1:9" ht="15" customHeight="1" x14ac:dyDescent="0.4">
      <c r="A67" s="14"/>
      <c r="B67" s="13" t="s">
        <v>28</v>
      </c>
      <c r="C67" s="12" t="s">
        <v>27</v>
      </c>
      <c r="D67" s="11">
        <v>2</v>
      </c>
      <c r="E67" s="11">
        <v>7</v>
      </c>
      <c r="F67" s="11">
        <v>7</v>
      </c>
      <c r="G67" s="11">
        <v>378</v>
      </c>
      <c r="H67" s="10">
        <v>378</v>
      </c>
      <c r="I67" s="4"/>
    </row>
    <row r="68" spans="1:9" ht="15" customHeight="1" x14ac:dyDescent="0.4">
      <c r="A68" s="14"/>
      <c r="B68" s="13" t="s">
        <v>25</v>
      </c>
      <c r="C68" s="12" t="s">
        <v>24</v>
      </c>
      <c r="D68" s="11">
        <v>14</v>
      </c>
      <c r="E68" s="11">
        <v>21</v>
      </c>
      <c r="F68" s="11">
        <v>21</v>
      </c>
      <c r="G68" s="11">
        <v>103</v>
      </c>
      <c r="H68" s="10">
        <v>103</v>
      </c>
      <c r="I68" s="4"/>
    </row>
    <row r="69" spans="1:9" ht="15" customHeight="1" x14ac:dyDescent="0.4">
      <c r="A69" s="14"/>
      <c r="B69" s="13" t="s">
        <v>23</v>
      </c>
      <c r="C69" s="12" t="s">
        <v>22</v>
      </c>
      <c r="D69" s="11">
        <v>24</v>
      </c>
      <c r="E69" s="11">
        <v>29</v>
      </c>
      <c r="F69" s="11">
        <v>29</v>
      </c>
      <c r="G69" s="11">
        <v>138</v>
      </c>
      <c r="H69" s="10">
        <v>138</v>
      </c>
      <c r="I69" s="4"/>
    </row>
    <row r="70" spans="1:9" ht="15" customHeight="1" x14ac:dyDescent="0.4">
      <c r="A70" s="14"/>
      <c r="B70" s="13" t="s">
        <v>21</v>
      </c>
      <c r="C70" s="12" t="s">
        <v>20</v>
      </c>
      <c r="D70" s="11">
        <v>98</v>
      </c>
      <c r="E70" s="11">
        <v>865</v>
      </c>
      <c r="F70" s="11">
        <v>865</v>
      </c>
      <c r="G70" s="11">
        <v>5324</v>
      </c>
      <c r="H70" s="10">
        <v>5324</v>
      </c>
      <c r="I70" s="4"/>
    </row>
    <row r="71" spans="1:9" ht="15" customHeight="1" x14ac:dyDescent="0.4">
      <c r="A71" s="14"/>
      <c r="B71" s="13" t="s">
        <v>19</v>
      </c>
      <c r="C71" s="12" t="s">
        <v>18</v>
      </c>
      <c r="D71" s="11">
        <v>42</v>
      </c>
      <c r="E71" s="11">
        <v>446</v>
      </c>
      <c r="F71" s="11">
        <v>446</v>
      </c>
      <c r="G71" s="11">
        <v>9439</v>
      </c>
      <c r="H71" s="10">
        <v>9439</v>
      </c>
      <c r="I71" s="4"/>
    </row>
    <row r="72" spans="1:9" ht="15" customHeight="1" x14ac:dyDescent="0.4">
      <c r="A72" s="14"/>
      <c r="B72" s="13" t="s">
        <v>17</v>
      </c>
      <c r="C72" s="12" t="s">
        <v>16</v>
      </c>
      <c r="D72" s="11">
        <v>93</v>
      </c>
      <c r="E72" s="11">
        <v>116</v>
      </c>
      <c r="F72" s="11">
        <v>116</v>
      </c>
      <c r="G72" s="11">
        <v>1168</v>
      </c>
      <c r="H72" s="10">
        <v>1168</v>
      </c>
      <c r="I72" s="4"/>
    </row>
    <row r="73" spans="1:9" ht="15" customHeight="1" x14ac:dyDescent="0.4">
      <c r="A73" s="14"/>
      <c r="B73" s="13" t="s">
        <v>15</v>
      </c>
      <c r="C73" s="12" t="s">
        <v>14</v>
      </c>
      <c r="D73" s="11">
        <v>463</v>
      </c>
      <c r="E73" s="11">
        <v>668</v>
      </c>
      <c r="F73" s="11">
        <v>666</v>
      </c>
      <c r="G73" s="11">
        <v>7547</v>
      </c>
      <c r="H73" s="10">
        <v>7533</v>
      </c>
      <c r="I73" s="4"/>
    </row>
    <row r="74" spans="1:9" ht="15" customHeight="1" x14ac:dyDescent="0.4">
      <c r="A74" s="14"/>
      <c r="B74" s="13" t="s">
        <v>13</v>
      </c>
      <c r="C74" s="12" t="s">
        <v>12</v>
      </c>
      <c r="D74" s="11">
        <v>12</v>
      </c>
      <c r="E74" s="11">
        <v>15</v>
      </c>
      <c r="F74" s="11">
        <v>15</v>
      </c>
      <c r="G74" s="11">
        <v>113</v>
      </c>
      <c r="H74" s="10">
        <v>113</v>
      </c>
      <c r="I74" s="4"/>
    </row>
    <row r="75" spans="1:9" ht="15" customHeight="1" x14ac:dyDescent="0.4">
      <c r="A75" s="14"/>
      <c r="B75" s="13" t="s">
        <v>11</v>
      </c>
      <c r="C75" s="12" t="s">
        <v>10</v>
      </c>
      <c r="D75" s="11">
        <v>31</v>
      </c>
      <c r="E75" s="11">
        <v>68</v>
      </c>
      <c r="F75" s="11">
        <v>68</v>
      </c>
      <c r="G75" s="11">
        <v>1183</v>
      </c>
      <c r="H75" s="10">
        <v>1183</v>
      </c>
      <c r="I75" s="4"/>
    </row>
    <row r="76" spans="1:9" ht="15" customHeight="1" x14ac:dyDescent="0.4">
      <c r="A76" s="14"/>
      <c r="B76" s="13" t="s">
        <v>9</v>
      </c>
      <c r="C76" s="12" t="s">
        <v>8</v>
      </c>
      <c r="D76" s="11">
        <v>324</v>
      </c>
      <c r="E76" s="11">
        <v>630</v>
      </c>
      <c r="F76" s="11">
        <v>630</v>
      </c>
      <c r="G76" s="11">
        <v>26794</v>
      </c>
      <c r="H76" s="10">
        <v>26794</v>
      </c>
      <c r="I76" s="4"/>
    </row>
    <row r="77" spans="1:9" ht="15" customHeight="1" x14ac:dyDescent="0.4">
      <c r="A77" s="14"/>
      <c r="B77" s="13" t="s">
        <v>7</v>
      </c>
      <c r="C77" s="12" t="s">
        <v>6</v>
      </c>
      <c r="D77" s="11">
        <v>2263</v>
      </c>
      <c r="E77" s="11">
        <v>4044</v>
      </c>
      <c r="F77" s="11">
        <v>4040</v>
      </c>
      <c r="G77" s="11">
        <v>131995</v>
      </c>
      <c r="H77" s="10">
        <v>131991</v>
      </c>
      <c r="I77" s="4"/>
    </row>
    <row r="78" spans="1:9" ht="15" customHeight="1" x14ac:dyDescent="0.4">
      <c r="A78" s="14"/>
      <c r="B78" s="13" t="s">
        <v>5</v>
      </c>
      <c r="C78" s="12" t="s">
        <v>4</v>
      </c>
      <c r="D78" s="11">
        <v>29</v>
      </c>
      <c r="E78" s="11">
        <v>60</v>
      </c>
      <c r="F78" s="11">
        <v>60</v>
      </c>
      <c r="G78" s="11">
        <v>431</v>
      </c>
      <c r="H78" s="10">
        <v>431</v>
      </c>
      <c r="I78" s="4"/>
    </row>
    <row r="79" spans="1:9" ht="15" customHeight="1" x14ac:dyDescent="0.4">
      <c r="A79" s="14"/>
      <c r="B79" s="13" t="s">
        <v>3</v>
      </c>
      <c r="C79" s="12" t="s">
        <v>2</v>
      </c>
      <c r="D79" s="11">
        <v>2721</v>
      </c>
      <c r="E79" s="11">
        <v>3214</v>
      </c>
      <c r="F79" s="11">
        <v>3214</v>
      </c>
      <c r="G79" s="11">
        <v>11363</v>
      </c>
      <c r="H79" s="10">
        <v>11363</v>
      </c>
      <c r="I79" s="4"/>
    </row>
    <row r="80" spans="1:9" s="15" customFormat="1" ht="18.75" customHeight="1" x14ac:dyDescent="0.4">
      <c r="A80" s="21" t="s">
        <v>38</v>
      </c>
      <c r="B80" s="21"/>
      <c r="C80" s="22"/>
      <c r="D80" s="18"/>
      <c r="E80" s="18"/>
      <c r="F80" s="18"/>
      <c r="G80" s="18"/>
      <c r="H80" s="17"/>
      <c r="I80" s="16"/>
    </row>
    <row r="81" spans="1:9" s="15" customFormat="1" ht="15" customHeight="1" x14ac:dyDescent="0.4">
      <c r="A81" s="21"/>
      <c r="B81" s="20" t="s">
        <v>37</v>
      </c>
      <c r="C81" s="19"/>
      <c r="D81" s="18">
        <v>61058</v>
      </c>
      <c r="E81" s="18">
        <v>61687</v>
      </c>
      <c r="F81" s="18">
        <v>61680</v>
      </c>
      <c r="G81" s="18">
        <v>97337</v>
      </c>
      <c r="H81" s="17">
        <v>97326</v>
      </c>
      <c r="I81" s="16"/>
    </row>
    <row r="82" spans="1:9" ht="15" customHeight="1" x14ac:dyDescent="0.4">
      <c r="A82" s="14"/>
      <c r="B82" s="13" t="s">
        <v>36</v>
      </c>
      <c r="C82" s="12" t="s">
        <v>35</v>
      </c>
      <c r="D82" s="11" t="s">
        <v>26</v>
      </c>
      <c r="E82" s="11" t="s">
        <v>26</v>
      </c>
      <c r="F82" s="11" t="s">
        <v>26</v>
      </c>
      <c r="G82" s="11" t="s">
        <v>26</v>
      </c>
      <c r="H82" s="10" t="s">
        <v>26</v>
      </c>
      <c r="I82" s="4"/>
    </row>
    <row r="83" spans="1:9" ht="15" customHeight="1" x14ac:dyDescent="0.4">
      <c r="A83" s="14"/>
      <c r="B83" s="13" t="s">
        <v>34</v>
      </c>
      <c r="C83" s="12" t="s">
        <v>33</v>
      </c>
      <c r="D83" s="11" t="s">
        <v>26</v>
      </c>
      <c r="E83" s="11" t="s">
        <v>26</v>
      </c>
      <c r="F83" s="11" t="s">
        <v>26</v>
      </c>
      <c r="G83" s="11" t="s">
        <v>26</v>
      </c>
      <c r="H83" s="10" t="s">
        <v>26</v>
      </c>
      <c r="I83" s="4"/>
    </row>
    <row r="84" spans="1:9" ht="15" customHeight="1" x14ac:dyDescent="0.4">
      <c r="A84" s="14"/>
      <c r="B84" s="13" t="s">
        <v>32</v>
      </c>
      <c r="C84" s="12" t="s">
        <v>31</v>
      </c>
      <c r="D84" s="11">
        <v>1419</v>
      </c>
      <c r="E84" s="11">
        <v>1430</v>
      </c>
      <c r="F84" s="11">
        <v>1430</v>
      </c>
      <c r="G84" s="11">
        <v>1778</v>
      </c>
      <c r="H84" s="10">
        <v>1778</v>
      </c>
      <c r="I84" s="4"/>
    </row>
    <row r="85" spans="1:9" ht="15" customHeight="1" x14ac:dyDescent="0.4">
      <c r="A85" s="14"/>
      <c r="B85" s="13" t="s">
        <v>30</v>
      </c>
      <c r="C85" s="12" t="s">
        <v>29</v>
      </c>
      <c r="D85" s="11">
        <v>5266</v>
      </c>
      <c r="E85" s="11">
        <v>5294</v>
      </c>
      <c r="F85" s="11">
        <v>5294</v>
      </c>
      <c r="G85" s="11">
        <v>6738</v>
      </c>
      <c r="H85" s="10">
        <v>6738</v>
      </c>
      <c r="I85" s="4"/>
    </row>
    <row r="86" spans="1:9" ht="15" customHeight="1" x14ac:dyDescent="0.4">
      <c r="A86" s="14"/>
      <c r="B86" s="13" t="s">
        <v>28</v>
      </c>
      <c r="C86" s="12" t="s">
        <v>27</v>
      </c>
      <c r="D86" s="11" t="s">
        <v>26</v>
      </c>
      <c r="E86" s="11" t="s">
        <v>26</v>
      </c>
      <c r="F86" s="11" t="s">
        <v>26</v>
      </c>
      <c r="G86" s="11" t="s">
        <v>26</v>
      </c>
      <c r="H86" s="10" t="s">
        <v>26</v>
      </c>
      <c r="I86" s="4"/>
    </row>
    <row r="87" spans="1:9" ht="15" customHeight="1" x14ac:dyDescent="0.4">
      <c r="A87" s="14"/>
      <c r="B87" s="13" t="s">
        <v>25</v>
      </c>
      <c r="C87" s="12" t="s">
        <v>24</v>
      </c>
      <c r="D87" s="11">
        <v>163</v>
      </c>
      <c r="E87" s="11">
        <v>165</v>
      </c>
      <c r="F87" s="11">
        <v>165</v>
      </c>
      <c r="G87" s="11">
        <v>130</v>
      </c>
      <c r="H87" s="10">
        <v>130</v>
      </c>
      <c r="I87" s="4"/>
    </row>
    <row r="88" spans="1:9" ht="15" customHeight="1" x14ac:dyDescent="0.4">
      <c r="A88" s="14"/>
      <c r="B88" s="13" t="s">
        <v>23</v>
      </c>
      <c r="C88" s="12" t="s">
        <v>22</v>
      </c>
      <c r="D88" s="11">
        <v>694</v>
      </c>
      <c r="E88" s="11">
        <v>695</v>
      </c>
      <c r="F88" s="11">
        <v>695</v>
      </c>
      <c r="G88" s="11">
        <v>256</v>
      </c>
      <c r="H88" s="10">
        <v>256</v>
      </c>
      <c r="I88" s="4"/>
    </row>
    <row r="89" spans="1:9" ht="15" customHeight="1" x14ac:dyDescent="0.4">
      <c r="A89" s="14"/>
      <c r="B89" s="13" t="s">
        <v>21</v>
      </c>
      <c r="C89" s="12" t="s">
        <v>20</v>
      </c>
      <c r="D89" s="11">
        <v>12545</v>
      </c>
      <c r="E89" s="11">
        <v>12761</v>
      </c>
      <c r="F89" s="11">
        <v>12758</v>
      </c>
      <c r="G89" s="11">
        <v>18235</v>
      </c>
      <c r="H89" s="10">
        <v>18228</v>
      </c>
      <c r="I89" s="4"/>
    </row>
    <row r="90" spans="1:9" ht="15" customHeight="1" x14ac:dyDescent="0.4">
      <c r="A90" s="14"/>
      <c r="B90" s="13" t="s">
        <v>19</v>
      </c>
      <c r="C90" s="12" t="s">
        <v>18</v>
      </c>
      <c r="D90" s="11">
        <v>110</v>
      </c>
      <c r="E90" s="11">
        <v>111</v>
      </c>
      <c r="F90" s="11">
        <v>111</v>
      </c>
      <c r="G90" s="11">
        <v>96</v>
      </c>
      <c r="H90" s="10">
        <v>96</v>
      </c>
      <c r="I90" s="4"/>
    </row>
    <row r="91" spans="1:9" ht="15" customHeight="1" x14ac:dyDescent="0.4">
      <c r="A91" s="14"/>
      <c r="B91" s="13" t="s">
        <v>17</v>
      </c>
      <c r="C91" s="12" t="s">
        <v>16</v>
      </c>
      <c r="D91" s="11">
        <v>4767</v>
      </c>
      <c r="E91" s="11">
        <v>4793</v>
      </c>
      <c r="F91" s="11">
        <v>4793</v>
      </c>
      <c r="G91" s="11">
        <v>1732</v>
      </c>
      <c r="H91" s="10">
        <v>1732</v>
      </c>
      <c r="I91" s="4"/>
    </row>
    <row r="92" spans="1:9" ht="15" customHeight="1" x14ac:dyDescent="0.4">
      <c r="A92" s="14"/>
      <c r="B92" s="13" t="s">
        <v>15</v>
      </c>
      <c r="C92" s="12" t="s">
        <v>14</v>
      </c>
      <c r="D92" s="11">
        <v>5751</v>
      </c>
      <c r="E92" s="11">
        <v>5769</v>
      </c>
      <c r="F92" s="11">
        <v>5769</v>
      </c>
      <c r="G92" s="11">
        <v>12453</v>
      </c>
      <c r="H92" s="10">
        <v>12453</v>
      </c>
      <c r="I92" s="4"/>
    </row>
    <row r="93" spans="1:9" ht="15" customHeight="1" x14ac:dyDescent="0.4">
      <c r="A93" s="14"/>
      <c r="B93" s="13" t="s">
        <v>13</v>
      </c>
      <c r="C93" s="12" t="s">
        <v>12</v>
      </c>
      <c r="D93" s="11">
        <v>16352</v>
      </c>
      <c r="E93" s="11">
        <v>16484</v>
      </c>
      <c r="F93" s="11">
        <v>16481</v>
      </c>
      <c r="G93" s="11">
        <v>26415</v>
      </c>
      <c r="H93" s="10">
        <v>26412</v>
      </c>
      <c r="I93" s="4"/>
    </row>
    <row r="94" spans="1:9" ht="15" customHeight="1" x14ac:dyDescent="0.4">
      <c r="A94" s="14"/>
      <c r="B94" s="13" t="s">
        <v>11</v>
      </c>
      <c r="C94" s="12" t="s">
        <v>10</v>
      </c>
      <c r="D94" s="11">
        <v>6331</v>
      </c>
      <c r="E94" s="11">
        <v>6419</v>
      </c>
      <c r="F94" s="11">
        <v>6419</v>
      </c>
      <c r="G94" s="11">
        <v>5682</v>
      </c>
      <c r="H94" s="10">
        <v>5682</v>
      </c>
      <c r="I94" s="4"/>
    </row>
    <row r="95" spans="1:9" ht="15" customHeight="1" x14ac:dyDescent="0.4">
      <c r="A95" s="14"/>
      <c r="B95" s="13" t="s">
        <v>9</v>
      </c>
      <c r="C95" s="12" t="s">
        <v>8</v>
      </c>
      <c r="D95" s="11">
        <v>1403</v>
      </c>
      <c r="E95" s="11">
        <v>1447</v>
      </c>
      <c r="F95" s="11">
        <v>1446</v>
      </c>
      <c r="G95" s="11">
        <v>2263</v>
      </c>
      <c r="H95" s="10">
        <v>2262</v>
      </c>
      <c r="I95" s="4"/>
    </row>
    <row r="96" spans="1:9" ht="15" customHeight="1" x14ac:dyDescent="0.4">
      <c r="A96" s="14"/>
      <c r="B96" s="13" t="s">
        <v>7</v>
      </c>
      <c r="C96" s="12" t="s">
        <v>6</v>
      </c>
      <c r="D96" s="11">
        <v>5478</v>
      </c>
      <c r="E96" s="11">
        <v>5537</v>
      </c>
      <c r="F96" s="11">
        <v>5537</v>
      </c>
      <c r="G96" s="11">
        <v>20601</v>
      </c>
      <c r="H96" s="10">
        <v>20601</v>
      </c>
      <c r="I96" s="4"/>
    </row>
    <row r="97" spans="1:9" ht="15" customHeight="1" x14ac:dyDescent="0.4">
      <c r="A97" s="14"/>
      <c r="B97" s="13" t="s">
        <v>5</v>
      </c>
      <c r="C97" s="12" t="s">
        <v>4</v>
      </c>
      <c r="D97" s="11">
        <v>3</v>
      </c>
      <c r="E97" s="11">
        <v>3</v>
      </c>
      <c r="F97" s="11">
        <v>3</v>
      </c>
      <c r="G97" s="11">
        <v>1</v>
      </c>
      <c r="H97" s="10">
        <v>1</v>
      </c>
      <c r="I97" s="4"/>
    </row>
    <row r="98" spans="1:9" ht="15" customHeight="1" x14ac:dyDescent="0.4">
      <c r="A98" s="9"/>
      <c r="B98" s="8" t="s">
        <v>3</v>
      </c>
      <c r="C98" s="7" t="s">
        <v>2</v>
      </c>
      <c r="D98" s="6">
        <v>776</v>
      </c>
      <c r="E98" s="6">
        <v>779</v>
      </c>
      <c r="F98" s="6">
        <v>779</v>
      </c>
      <c r="G98" s="6">
        <v>957</v>
      </c>
      <c r="H98" s="5">
        <v>957</v>
      </c>
      <c r="I98" s="4"/>
    </row>
    <row r="99" spans="1:9" x14ac:dyDescent="0.4">
      <c r="A99" s="3" t="s">
        <v>1</v>
      </c>
      <c r="B99" s="3"/>
      <c r="C99" s="3"/>
      <c r="D99" s="3"/>
      <c r="E99" s="3"/>
      <c r="F99" s="3"/>
      <c r="G99" s="3"/>
      <c r="H99" s="3"/>
    </row>
    <row r="100" spans="1:9" x14ac:dyDescent="0.4">
      <c r="A100" s="2" t="s">
        <v>0</v>
      </c>
      <c r="B100" s="2"/>
      <c r="C100" s="2"/>
      <c r="D100" s="2"/>
      <c r="E100" s="2"/>
      <c r="F100" s="2"/>
      <c r="G100" s="2"/>
      <c r="H100" s="2"/>
    </row>
  </sheetData>
  <mergeCells count="12">
    <mergeCell ref="G2:H2"/>
    <mergeCell ref="E2:F2"/>
    <mergeCell ref="D2:D3"/>
    <mergeCell ref="A2:C3"/>
    <mergeCell ref="A99:H99"/>
    <mergeCell ref="A100:H100"/>
    <mergeCell ref="B1:H1"/>
    <mergeCell ref="B5:C5"/>
    <mergeCell ref="B24:C24"/>
    <mergeCell ref="B43:C43"/>
    <mergeCell ref="B62:C62"/>
    <mergeCell ref="B81:C81"/>
  </mergeCells>
  <phoneticPr fontId="3"/>
  <printOptions horizontalCentered="1"/>
  <pageMargins left="0.39370078740157483" right="0.39370078740157483" top="0.59055118110236227" bottom="0.59055118110236227" header="0.31496062992125984" footer="0.31496062992125984"/>
  <pageSetup paperSize="9" orientation="portrait" r:id="rId1"/>
  <headerFooter>
    <oddHeader>&amp;C&amp;"ＭＳ 明朝,標準"第１３表　産業大分類、経営組織（3区分）別企業等数、事業所数及び常用雇用者数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13表</vt:lpstr>
      <vt:lpstr>第13表!Print_Area</vt:lpstr>
      <vt:lpstr>第13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dcterms:created xsi:type="dcterms:W3CDTF">2021-09-10T06:16:42Z</dcterms:created>
  <dcterms:modified xsi:type="dcterms:W3CDTF">2021-09-10T06:17:01Z</dcterms:modified>
</cp:coreProperties>
</file>